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inge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0AA6FBE-AB69-D5FB-E1ED-9656326E785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7401" y="4876916"/>
            <a:ext cx="2213198" cy="171744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3FCB272-E791-6E55-F8A8-6F010ED030C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8144" y="3617598"/>
            <a:ext cx="2213198" cy="171744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3-25T10:59:58Z</dcterms:modified>
</cp:coreProperties>
</file>